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29"/>
  <workbookPr filterPrivacy="1"/>
  <xr:revisionPtr revIDLastSave="0" documentId="13_ncr:1_{ABE25073-D256-49B7-B563-5426313F9202}" xr6:coauthVersionLast="47" xr6:coauthVersionMax="47" xr10:uidLastSave="{00000000-0000-0000-0000-000000000000}"/>
  <bookViews>
    <workbookView xWindow="4920" yWindow="180" windowWidth="17445" windowHeight="11760" xr2:uid="{00000000-000D-0000-FFFF-FFFF00000000}"/>
  </bookViews>
  <sheets>
    <sheet name="様式4 12月9日時点" sheetId="1" r:id="rId1"/>
  </sheets>
  <externalReferences>
    <externalReference r:id="rId2"/>
  </externalReferences>
  <definedNames>
    <definedName name="①1" localSheetId="0">#REF!</definedName>
    <definedName name="①1">#REF!</definedName>
    <definedName name="①2" localSheetId="0">#REF!</definedName>
    <definedName name="①2">#REF!</definedName>
    <definedName name="②1" localSheetId="0">#REF!</definedName>
    <definedName name="②1">#REF!</definedName>
    <definedName name="②2" localSheetId="0">#REF!</definedName>
    <definedName name="②2">#REF!</definedName>
    <definedName name="③1" localSheetId="0">#REF!</definedName>
    <definedName name="③1">#REF!</definedName>
    <definedName name="③2" localSheetId="0">#REF!</definedName>
    <definedName name="③2">#REF!</definedName>
    <definedName name="④1" localSheetId="0">#REF!</definedName>
    <definedName name="④1">#REF!</definedName>
    <definedName name="④2" localSheetId="0">#REF!</definedName>
    <definedName name="④2">#REF!</definedName>
    <definedName name="⑥1" localSheetId="0">#REF!</definedName>
    <definedName name="⑥1">#REF!</definedName>
    <definedName name="a" localSheetId="0">#REF!</definedName>
    <definedName name="a">#REF!</definedName>
    <definedName name="b" localSheetId="0">#REF!</definedName>
    <definedName name="b">#REF!</definedName>
    <definedName name="d" localSheetId="0">#REF!</definedName>
    <definedName name="d">#REF!</definedName>
    <definedName name="_xlnm.Print_Area" localSheetId="0">'様式4 12月9日時点'!$A$1:$G$67</definedName>
    <definedName name="_xlnm.Print_Titles" localSheetId="0">'様式4 12月9日時点'!$5:$7</definedName>
    <definedName name="分類">'[1]様式17(見直し一覧)'!$A$38:$A$4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76" uniqueCount="55">
  <si>
    <t>備  考</t>
    <phoneticPr fontId="10"/>
  </si>
  <si>
    <t>増  減</t>
    <rPh sb="0" eb="1">
      <t>ゾウ</t>
    </rPh>
    <rPh sb="3" eb="4">
      <t>ゲン</t>
    </rPh>
    <phoneticPr fontId="10"/>
  </si>
  <si>
    <t>総務課</t>
    <phoneticPr fontId="8"/>
  </si>
  <si>
    <t>区制90周年記念事業</t>
    <phoneticPr fontId="8"/>
  </si>
  <si>
    <t>国産木材を活用した区役所庁舎整備事業</t>
    <rPh sb="9" eb="12">
      <t>クヤクショ</t>
    </rPh>
    <rPh sb="12" eb="14">
      <t>チョウシャ</t>
    </rPh>
    <rPh sb="14" eb="16">
      <t>セイビ</t>
    </rPh>
    <phoneticPr fontId="8"/>
  </si>
  <si>
    <t>地域課</t>
    <rPh sb="0" eb="3">
      <t>チイキカ</t>
    </rPh>
    <phoneticPr fontId="10"/>
  </si>
  <si>
    <t>区役所附設会館管理運営事業</t>
    <phoneticPr fontId="8"/>
  </si>
  <si>
    <t>窓口サービス課</t>
    <rPh sb="0" eb="2">
      <t>マドグチ</t>
    </rPh>
    <rPh sb="6" eb="7">
      <t>カ</t>
    </rPh>
    <phoneticPr fontId="8"/>
  </si>
  <si>
    <t>住民情報業務等委託事業</t>
    <phoneticPr fontId="8"/>
  </si>
  <si>
    <t>保健子育て課</t>
    <rPh sb="0" eb="4">
      <t>ホケンコソダ</t>
    </rPh>
    <rPh sb="5" eb="6">
      <t>カ</t>
    </rPh>
    <phoneticPr fontId="10"/>
  </si>
  <si>
    <t>保健事務管理費</t>
    <phoneticPr fontId="8"/>
  </si>
  <si>
    <t>福祉課</t>
    <rPh sb="0" eb="3">
      <t>フクシカ</t>
    </rPh>
    <phoneticPr fontId="10"/>
  </si>
  <si>
    <t>福祉事務所運営管理費</t>
    <phoneticPr fontId="8"/>
  </si>
  <si>
    <t>区役所庁舎設備維持費</t>
    <phoneticPr fontId="8"/>
  </si>
  <si>
    <t>区役所運営管理費</t>
    <phoneticPr fontId="8"/>
  </si>
  <si>
    <t>企画課</t>
    <rPh sb="0" eb="3">
      <t>キカクカ</t>
    </rPh>
    <phoneticPr fontId="8"/>
  </si>
  <si>
    <t>区政会議等運営事業</t>
    <phoneticPr fontId="8"/>
  </si>
  <si>
    <t>広聴広報事業</t>
    <phoneticPr fontId="8"/>
  </si>
  <si>
    <t>防災安全課</t>
    <rPh sb="0" eb="5">
      <t>ボウサイアンゼンカ</t>
    </rPh>
    <phoneticPr fontId="10"/>
  </si>
  <si>
    <t>地域安全事業</t>
    <phoneticPr fontId="8"/>
  </si>
  <si>
    <t>地域防災事業</t>
    <phoneticPr fontId="8"/>
  </si>
  <si>
    <t>学校体育施設開放事業</t>
    <phoneticPr fontId="8"/>
  </si>
  <si>
    <t>青少年健全育成事業</t>
    <phoneticPr fontId="8"/>
  </si>
  <si>
    <t>人権啓発・相談事業</t>
    <phoneticPr fontId="8"/>
  </si>
  <si>
    <t>生涯学習推進事業</t>
    <phoneticPr fontId="8"/>
  </si>
  <si>
    <t>コミュニティ育成事業</t>
    <phoneticPr fontId="8"/>
  </si>
  <si>
    <t>　　</t>
  </si>
  <si>
    <t>地域活動支援事業</t>
    <phoneticPr fontId="8"/>
  </si>
  <si>
    <t>まち魅力課</t>
    <rPh sb="2" eb="4">
      <t>ミリョク</t>
    </rPh>
    <rPh sb="4" eb="5">
      <t>カ</t>
    </rPh>
    <phoneticPr fontId="8"/>
  </si>
  <si>
    <t>旭区魅力づくり事業</t>
    <phoneticPr fontId="8"/>
  </si>
  <si>
    <t>旭区バス運行補助事業</t>
    <phoneticPr fontId="8"/>
  </si>
  <si>
    <t>運動能力等向上サポート事業</t>
    <phoneticPr fontId="8"/>
  </si>
  <si>
    <t>プログラミング体験学習事業</t>
    <rPh sb="7" eb="13">
      <t>タイケンガクシュウジギョウ</t>
    </rPh>
    <phoneticPr fontId="8"/>
  </si>
  <si>
    <t>生活支援課</t>
    <rPh sb="0" eb="4">
      <t>セイカツシエン</t>
    </rPh>
    <rPh sb="4" eb="5">
      <t>カ</t>
    </rPh>
    <phoneticPr fontId="10"/>
  </si>
  <si>
    <t>あさひ育み学び舎事業</t>
    <phoneticPr fontId="8"/>
  </si>
  <si>
    <t>地域福祉推進事業</t>
    <phoneticPr fontId="8"/>
  </si>
  <si>
    <t>健康づくり推進事業</t>
    <phoneticPr fontId="8"/>
  </si>
  <si>
    <t>子育て支援事業</t>
    <rPh sb="0" eb="2">
      <t>コソダ</t>
    </rPh>
    <rPh sb="3" eb="5">
      <t>シエン</t>
    </rPh>
    <rPh sb="5" eb="7">
      <t>ジギョウ</t>
    </rPh>
    <phoneticPr fontId="10"/>
  </si>
  <si>
    <t>子育て保健事業</t>
    <phoneticPr fontId="10"/>
  </si>
  <si>
    <t>子育て安全ネット事業</t>
    <phoneticPr fontId="10"/>
  </si>
  <si>
    <t>「重大虐待ゼロ」をめざすあさひ子育て見守り事業</t>
    <phoneticPr fontId="10"/>
  </si>
  <si>
    <t>（② - ①）</t>
    <phoneticPr fontId="10"/>
  </si>
  <si>
    <t>当 初 ①</t>
    <phoneticPr fontId="10"/>
  </si>
  <si>
    <t>５ 年 度</t>
    <rPh sb="2" eb="3">
      <t>ネン</t>
    </rPh>
    <rPh sb="4" eb="5">
      <t>ド</t>
    </rPh>
    <phoneticPr fontId="8"/>
  </si>
  <si>
    <t>４ 年 度</t>
    <phoneticPr fontId="10"/>
  </si>
  <si>
    <t>担 当 課</t>
    <rPh sb="0" eb="1">
      <t>タン</t>
    </rPh>
    <rPh sb="2" eb="3">
      <t>トウ</t>
    </rPh>
    <rPh sb="4" eb="5">
      <t>カ</t>
    </rPh>
    <phoneticPr fontId="10"/>
  </si>
  <si>
    <t>事  業  名</t>
    <phoneticPr fontId="10"/>
  </si>
  <si>
    <t>(単位：千円)</t>
    <phoneticPr fontId="10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10"/>
  </si>
  <si>
    <t>所属名　　旭区役所　</t>
    <rPh sb="0" eb="2">
      <t>ショゾク</t>
    </rPh>
    <rPh sb="2" eb="3">
      <t>メイ</t>
    </rPh>
    <rPh sb="5" eb="6">
      <t>アサヒ</t>
    </rPh>
    <rPh sb="6" eb="9">
      <t>クヤクショ</t>
    </rPh>
    <phoneticPr fontId="10"/>
  </si>
  <si>
    <t>会計名　　一般会計　　</t>
    <rPh sb="0" eb="2">
      <t>カイケイ</t>
    </rPh>
    <rPh sb="2" eb="3">
      <t>メイ</t>
    </rPh>
    <rPh sb="5" eb="7">
      <t>イッパン</t>
    </rPh>
    <rPh sb="7" eb="9">
      <t>カイケイ</t>
    </rPh>
    <phoneticPr fontId="10"/>
  </si>
  <si>
    <t>（様式4）</t>
    <rPh sb="1" eb="3">
      <t>ヨウシキ</t>
    </rPh>
    <phoneticPr fontId="8"/>
  </si>
  <si>
    <t>予算事業一覧</t>
    <rPh sb="0" eb="2">
      <t>ヨサン</t>
    </rPh>
    <rPh sb="2" eb="4">
      <t>ジギョウ</t>
    </rPh>
    <rPh sb="4" eb="6">
      <t>イチラン</t>
    </rPh>
    <phoneticPr fontId="8"/>
  </si>
  <si>
    <t>所属計</t>
    <phoneticPr fontId="3"/>
  </si>
  <si>
    <t>算 定 ②</t>
    <rPh sb="2" eb="3">
      <t>テ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\(#,##0\);\(&quot;△ &quot;#,##0\)"/>
    <numFmt numFmtId="177" formatCode="#,##0;&quot;△ &quot;#,##0"/>
    <numFmt numFmtId="178" formatCode="0_ "/>
    <numFmt numFmtId="179" formatCode="\(#,##0\)"/>
  </numFmts>
  <fonts count="16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10.5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明朝体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u/>
      <sz val="10.5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4">
    <xf numFmtId="0" fontId="0" fillId="0" borderId="0"/>
    <xf numFmtId="0" fontId="1" fillId="0" borderId="0"/>
    <xf numFmtId="38" fontId="4" fillId="0" borderId="0" applyFont="0" applyFill="0" applyBorder="0" applyAlignment="0" applyProtection="0"/>
    <xf numFmtId="0" fontId="15" fillId="0" borderId="0" applyNumberFormat="0" applyFill="0" applyBorder="0" applyAlignment="0" applyProtection="0"/>
  </cellStyleXfs>
  <cellXfs count="75">
    <xf numFmtId="0" fontId="0" fillId="0" borderId="0" xfId="0"/>
    <xf numFmtId="0" fontId="2" fillId="0" borderId="0" xfId="1" applyFont="1" applyAlignment="1">
      <alignment vertical="center"/>
    </xf>
    <xf numFmtId="0" fontId="2" fillId="0" borderId="0" xfId="1" applyFont="1" applyAlignment="1">
      <alignment horizontal="center" vertical="center"/>
    </xf>
    <xf numFmtId="0" fontId="5" fillId="0" borderId="0" xfId="0" applyFont="1"/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6" fillId="0" borderId="0" xfId="1" applyFont="1" applyAlignment="1">
      <alignment vertical="center"/>
    </xf>
    <xf numFmtId="0" fontId="7" fillId="0" borderId="0" xfId="1" applyFont="1" applyAlignment="1">
      <alignment vertical="center"/>
    </xf>
    <xf numFmtId="0" fontId="7" fillId="0" borderId="0" xfId="1" applyFont="1" applyAlignment="1">
      <alignment horizontal="center" vertical="center"/>
    </xf>
    <xf numFmtId="0" fontId="4" fillId="0" borderId="0" xfId="0" applyFont="1"/>
    <xf numFmtId="0" fontId="7" fillId="0" borderId="0" xfId="1" applyFont="1" applyAlignment="1">
      <alignment horizontal="left" vertical="center"/>
    </xf>
    <xf numFmtId="0" fontId="7" fillId="0" borderId="0" xfId="1" applyFont="1" applyAlignment="1">
      <alignment horizontal="right" vertical="center"/>
    </xf>
    <xf numFmtId="0" fontId="9" fillId="0" borderId="0" xfId="1" applyFont="1" applyAlignment="1">
      <alignment vertical="center"/>
    </xf>
    <xf numFmtId="177" fontId="7" fillId="0" borderId="6" xfId="1" applyNumberFormat="1" applyFont="1" applyBorder="1" applyAlignment="1">
      <alignment horizontal="right" vertical="center" shrinkToFit="1"/>
    </xf>
    <xf numFmtId="0" fontId="9" fillId="0" borderId="9" xfId="1" applyFont="1" applyBorder="1" applyAlignment="1">
      <alignment horizontal="center" vertical="center"/>
    </xf>
    <xf numFmtId="0" fontId="9" fillId="0" borderId="13" xfId="1" applyFont="1" applyBorder="1" applyAlignment="1">
      <alignment horizontal="center" vertical="center"/>
    </xf>
    <xf numFmtId="0" fontId="9" fillId="0" borderId="14" xfId="1" applyFont="1" applyBorder="1" applyAlignment="1">
      <alignment horizontal="center" vertical="center"/>
    </xf>
    <xf numFmtId="176" fontId="2" fillId="0" borderId="3" xfId="1" applyNumberFormat="1" applyFont="1" applyBorder="1" applyAlignment="1">
      <alignment vertical="center" shrinkToFit="1"/>
    </xf>
    <xf numFmtId="179" fontId="2" fillId="0" borderId="3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horizontal="right" vertical="center" shrinkToFit="1"/>
    </xf>
    <xf numFmtId="177" fontId="2" fillId="0" borderId="6" xfId="1" applyNumberFormat="1" applyFont="1" applyBorder="1" applyAlignment="1">
      <alignment vertical="center" shrinkToFit="1"/>
    </xf>
    <xf numFmtId="0" fontId="2" fillId="0" borderId="7" xfId="0" applyFont="1" applyBorder="1" applyAlignment="1">
      <alignment vertical="center"/>
    </xf>
    <xf numFmtId="176" fontId="2" fillId="0" borderId="9" xfId="1" applyNumberFormat="1" applyFont="1" applyBorder="1" applyAlignment="1">
      <alignment vertical="center" shrinkToFit="1"/>
    </xf>
    <xf numFmtId="179" fontId="2" fillId="0" borderId="9" xfId="1" applyNumberFormat="1" applyFont="1" applyBorder="1" applyAlignment="1">
      <alignment vertical="center" shrinkToFit="1"/>
    </xf>
    <xf numFmtId="0" fontId="2" fillId="0" borderId="4" xfId="0" applyFont="1" applyBorder="1" applyAlignment="1">
      <alignment vertical="center"/>
    </xf>
    <xf numFmtId="177" fontId="2" fillId="0" borderId="21" xfId="1" applyNumberFormat="1" applyFont="1" applyBorder="1" applyAlignment="1">
      <alignment vertical="center" shrinkToFit="1"/>
    </xf>
    <xf numFmtId="179" fontId="7" fillId="0" borderId="9" xfId="1" applyNumberFormat="1" applyFont="1" applyBorder="1" applyAlignment="1">
      <alignment vertical="center" shrinkToFit="1"/>
    </xf>
    <xf numFmtId="177" fontId="7" fillId="0" borderId="6" xfId="1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9" fontId="2" fillId="0" borderId="7" xfId="1" applyNumberFormat="1" applyFont="1" applyBorder="1" applyAlignment="1">
      <alignment vertical="center" shrinkToFit="1"/>
    </xf>
    <xf numFmtId="176" fontId="2" fillId="0" borderId="7" xfId="1" applyNumberFormat="1" applyFont="1" applyBorder="1" applyAlignment="1">
      <alignment vertical="center" shrinkToFit="1"/>
    </xf>
    <xf numFmtId="179" fontId="2" fillId="0" borderId="21" xfId="1" applyNumberFormat="1" applyFont="1" applyBorder="1" applyAlignment="1">
      <alignment vertical="center" shrinkToFit="1"/>
    </xf>
    <xf numFmtId="177" fontId="2" fillId="0" borderId="23" xfId="1" applyNumberFormat="1" applyFont="1" applyBorder="1" applyAlignment="1">
      <alignment vertical="center" shrinkToFit="1"/>
    </xf>
    <xf numFmtId="179" fontId="7" fillId="0" borderId="21" xfId="1" applyNumberFormat="1" applyFont="1" applyBorder="1" applyAlignment="1">
      <alignment vertical="center" shrinkToFit="1"/>
    </xf>
    <xf numFmtId="177" fontId="7" fillId="0" borderId="21" xfId="1" applyNumberFormat="1" applyFont="1" applyBorder="1" applyAlignment="1">
      <alignment vertical="center" shrinkToFit="1"/>
    </xf>
    <xf numFmtId="0" fontId="6" fillId="0" borderId="9" xfId="1" applyFont="1" applyBorder="1" applyAlignment="1">
      <alignment horizontal="center" vertical="center"/>
    </xf>
    <xf numFmtId="0" fontId="12" fillId="0" borderId="0" xfId="1" applyFont="1" applyAlignment="1">
      <alignment horizontal="right" vertical="center"/>
    </xf>
    <xf numFmtId="0" fontId="12" fillId="0" borderId="0" xfId="1" applyFont="1" applyAlignment="1">
      <alignment horizontal="right" vertical="center" wrapText="1"/>
    </xf>
    <xf numFmtId="0" fontId="13" fillId="0" borderId="0" xfId="1" applyFont="1" applyAlignment="1">
      <alignment horizontal="left" vertical="center"/>
    </xf>
    <xf numFmtId="0" fontId="13" fillId="0" borderId="0" xfId="1" applyFont="1" applyAlignment="1">
      <alignment horizontal="right" vertical="center"/>
    </xf>
    <xf numFmtId="0" fontId="13" fillId="0" borderId="0" xfId="1" applyFont="1" applyAlignment="1">
      <alignment vertical="center"/>
    </xf>
    <xf numFmtId="0" fontId="14" fillId="0" borderId="0" xfId="1" applyFont="1" applyAlignment="1">
      <alignment vertical="center"/>
    </xf>
    <xf numFmtId="0" fontId="2" fillId="0" borderId="1" xfId="0" applyFont="1" applyBorder="1" applyAlignment="1">
      <alignment vertical="center"/>
    </xf>
    <xf numFmtId="0" fontId="9" fillId="0" borderId="10" xfId="1" applyFont="1" applyBorder="1" applyAlignment="1">
      <alignment horizontal="left" vertical="center" wrapText="1"/>
    </xf>
    <xf numFmtId="177" fontId="9" fillId="0" borderId="6" xfId="1" applyNumberFormat="1" applyFont="1" applyBorder="1" applyAlignment="1">
      <alignment horizontal="center" vertical="center" wrapText="1"/>
    </xf>
    <xf numFmtId="177" fontId="9" fillId="0" borderId="9" xfId="1" applyNumberFormat="1" applyFont="1" applyBorder="1" applyAlignment="1">
      <alignment horizontal="center" vertical="center" wrapText="1"/>
    </xf>
    <xf numFmtId="0" fontId="2" fillId="0" borderId="5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9" fillId="0" borderId="25" xfId="1" applyFont="1" applyBorder="1" applyAlignment="1">
      <alignment horizontal="left" vertical="center" wrapText="1"/>
    </xf>
    <xf numFmtId="0" fontId="2" fillId="0" borderId="0" xfId="1" applyFont="1" applyAlignment="1">
      <alignment horizontal="right" vertical="center"/>
    </xf>
    <xf numFmtId="0" fontId="12" fillId="0" borderId="16" xfId="1" applyFont="1" applyBorder="1" applyAlignment="1">
      <alignment horizontal="right" vertical="center" wrapText="1"/>
    </xf>
    <xf numFmtId="0" fontId="6" fillId="0" borderId="15" xfId="1" applyFont="1" applyBorder="1" applyAlignment="1">
      <alignment horizontal="center" vertical="center"/>
    </xf>
    <xf numFmtId="0" fontId="6" fillId="0" borderId="10" xfId="1" applyFont="1" applyBorder="1" applyAlignment="1">
      <alignment horizontal="center" vertical="center"/>
    </xf>
    <xf numFmtId="0" fontId="9" fillId="0" borderId="13" xfId="1" applyFont="1" applyBorder="1" applyAlignment="1">
      <alignment horizontal="center" vertical="center" wrapText="1"/>
    </xf>
    <xf numFmtId="0" fontId="9" fillId="0" borderId="9" xfId="1" applyFont="1" applyBorder="1" applyAlignment="1">
      <alignment horizontal="center" vertical="center"/>
    </xf>
    <xf numFmtId="0" fontId="6" fillId="0" borderId="12" xfId="1" applyFont="1" applyBorder="1" applyAlignment="1">
      <alignment horizontal="center" vertical="center"/>
    </xf>
    <xf numFmtId="0" fontId="6" fillId="0" borderId="11" xfId="1" applyFont="1" applyBorder="1" applyAlignment="1">
      <alignment horizontal="center" vertical="center"/>
    </xf>
    <xf numFmtId="0" fontId="6" fillId="0" borderId="8" xfId="1" applyFont="1" applyBorder="1" applyAlignment="1">
      <alignment horizontal="center" vertical="center"/>
    </xf>
    <xf numFmtId="0" fontId="6" fillId="0" borderId="7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24" xfId="1" applyFont="1" applyBorder="1" applyAlignment="1">
      <alignment horizontal="center" vertical="center"/>
    </xf>
    <xf numFmtId="178" fontId="6" fillId="0" borderId="20" xfId="1" applyNumberFormat="1" applyFont="1" applyBorder="1" applyAlignment="1">
      <alignment horizontal="center" vertical="center"/>
    </xf>
    <xf numFmtId="178" fontId="6" fillId="0" borderId="19" xfId="1" applyNumberFormat="1" applyFont="1" applyBorder="1" applyAlignment="1">
      <alignment horizontal="center" vertical="center"/>
    </xf>
    <xf numFmtId="178" fontId="6" fillId="0" borderId="18" xfId="1" applyNumberFormat="1" applyFont="1" applyBorder="1" applyAlignment="1">
      <alignment horizontal="center" vertical="center"/>
    </xf>
    <xf numFmtId="178" fontId="6" fillId="0" borderId="17" xfId="1" applyNumberFormat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11" fillId="0" borderId="24" xfId="1" applyFont="1" applyBorder="1" applyAlignment="1">
      <alignment horizontal="center" vertical="center" shrinkToFit="1"/>
    </xf>
    <xf numFmtId="0" fontId="11" fillId="0" borderId="23" xfId="1" applyFont="1" applyBorder="1" applyAlignment="1">
      <alignment horizontal="center" vertical="center" shrinkToFit="1"/>
    </xf>
    <xf numFmtId="0" fontId="11" fillId="0" borderId="8" xfId="1" applyFont="1" applyBorder="1" applyAlignment="1">
      <alignment horizontal="center" vertical="center" shrinkToFit="1"/>
    </xf>
    <xf numFmtId="0" fontId="11" fillId="0" borderId="7" xfId="1" applyFont="1" applyBorder="1" applyAlignment="1">
      <alignment horizontal="center" vertical="center" shrinkToFit="1"/>
    </xf>
    <xf numFmtId="177" fontId="9" fillId="0" borderId="21" xfId="1" applyNumberFormat="1" applyFont="1" applyBorder="1" applyAlignment="1">
      <alignment horizontal="center" vertical="center" wrapText="1"/>
    </xf>
    <xf numFmtId="0" fontId="15" fillId="0" borderId="22" xfId="3" applyBorder="1" applyAlignment="1">
      <alignment horizontal="left" vertical="center" wrapText="1"/>
    </xf>
    <xf numFmtId="0" fontId="15" fillId="0" borderId="10" xfId="3" applyBorder="1" applyAlignment="1">
      <alignment horizontal="left" vertical="center" wrapText="1"/>
    </xf>
    <xf numFmtId="0" fontId="15" fillId="0" borderId="25" xfId="3" applyBorder="1" applyAlignment="1">
      <alignment horizontal="left" vertical="center" wrapText="1"/>
    </xf>
  </cellXfs>
  <cellStyles count="4">
    <cellStyle name="ハイパーリンク" xfId="3" builtinId="8"/>
    <cellStyle name="桁区切り 2" xfId="2" xr:uid="{00000000-0005-0000-0000-000000000000}"/>
    <cellStyle name="標準" xfId="0" builtinId="0"/>
    <cellStyle name="標準_③予算事業別調書(目次様式)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city.osaka.lg.jp/asahi/cmsfiles/contents/0000587/587002/09_programmingR5.xlsx" TargetMode="External"/><Relationship Id="rId13" Type="http://schemas.openxmlformats.org/officeDocument/2006/relationships/hyperlink" Target="https://www.city.osaka.lg.jp/asahi/cmsfiles/contents/0000587/587002/14_comunityR5.xlsx" TargetMode="External"/><Relationship Id="rId18" Type="http://schemas.openxmlformats.org/officeDocument/2006/relationships/hyperlink" Target="https://www.city.osaka.lg.jp/asahi/cmsfiles/contents/0000587/587002/19_bousaiR5.xlsx" TargetMode="External"/><Relationship Id="rId26" Type="http://schemas.openxmlformats.org/officeDocument/2006/relationships/hyperlink" Target="https://www.city.osaka.lg.jp/asahi/cmsfiles/contents/0000587/587002/27_zyuminR5.xlsx" TargetMode="External"/><Relationship Id="rId3" Type="http://schemas.openxmlformats.org/officeDocument/2006/relationships/hyperlink" Target="https://www.city.osaka.lg.jp/asahi/cmsfiles/contents/0000587/587002/04_kosodatehokenR5.xlsx" TargetMode="External"/><Relationship Id="rId21" Type="http://schemas.openxmlformats.org/officeDocument/2006/relationships/hyperlink" Target="https://www.city.osaka.lg.jp/asahi/cmsfiles/contents/0000587/587002/22_kuseikaigiR5.xlsx" TargetMode="External"/><Relationship Id="rId7" Type="http://schemas.openxmlformats.org/officeDocument/2006/relationships/hyperlink" Target="https://www.city.osaka.lg.jp/asahi/cmsfiles/contents/0000587/587002/08_hagukumimanabiyaR5.xlsx" TargetMode="External"/><Relationship Id="rId12" Type="http://schemas.openxmlformats.org/officeDocument/2006/relationships/hyperlink" Target="https://www.city.osaka.lg.jp/asahi/cmsfiles/contents/0000587/587002/13_tiikikatudouR5.xlsx" TargetMode="External"/><Relationship Id="rId17" Type="http://schemas.openxmlformats.org/officeDocument/2006/relationships/hyperlink" Target="https://www.city.osaka.lg.jp/asahi/cmsfiles/contents/0000587/587002/18_gakutaiR5.xlsx" TargetMode="External"/><Relationship Id="rId25" Type="http://schemas.openxmlformats.org/officeDocument/2006/relationships/hyperlink" Target="https://www.city.osaka.lg.jp/asahi/cmsfiles/contents/0000587/587002/26_hokenzimuR5.xlsx" TargetMode="External"/><Relationship Id="rId2" Type="http://schemas.openxmlformats.org/officeDocument/2006/relationships/hyperlink" Target="https://www.city.osaka.lg.jp/asahi/cmsfiles/contents/0000587/587002/03_anzennetoR5.xlsx" TargetMode="External"/><Relationship Id="rId16" Type="http://schemas.openxmlformats.org/officeDocument/2006/relationships/hyperlink" Target="https://www.city.osaka.lg.jp/asahi/cmsfiles/contents/0000587/587002/17_seisyounenR5.xlsx" TargetMode="External"/><Relationship Id="rId20" Type="http://schemas.openxmlformats.org/officeDocument/2006/relationships/hyperlink" Target="https://www.city.osaka.lg.jp/asahi/cmsfiles/contents/0000587/587002/21_koutyoukouhouR5.xlsx" TargetMode="External"/><Relationship Id="rId29" Type="http://schemas.openxmlformats.org/officeDocument/2006/relationships/printerSettings" Target="../printerSettings/printerSettings1.bin"/><Relationship Id="rId1" Type="http://schemas.openxmlformats.org/officeDocument/2006/relationships/hyperlink" Target="https://www.city.osaka.lg.jp/asahi/cmsfiles/contents/0000587/587002/02_gyakutaizeroR5.xlsx" TargetMode="External"/><Relationship Id="rId6" Type="http://schemas.openxmlformats.org/officeDocument/2006/relationships/hyperlink" Target="https://www.city.osaka.lg.jp/asahi/cmsfiles/contents/0000587/587002/07_hukushisuishinR5.xlsx" TargetMode="External"/><Relationship Id="rId11" Type="http://schemas.openxmlformats.org/officeDocument/2006/relationships/hyperlink" Target="https://www.city.osaka.lg.jp/asahi/cmsfiles/contents/0000587/587002/12_miryokudukuriR5.xlsx" TargetMode="External"/><Relationship Id="rId24" Type="http://schemas.openxmlformats.org/officeDocument/2006/relationships/hyperlink" Target="https://www.city.osaka.lg.jp/asahi/cmsfiles/contents/0000587/587002/25_hukushizimuR5.xlsx" TargetMode="External"/><Relationship Id="rId5" Type="http://schemas.openxmlformats.org/officeDocument/2006/relationships/hyperlink" Target="https://www.city.osaka.lg.jp/asahi/cmsfiles/contents/0000587/587002/06_kenkoudukuriR5.xlsx" TargetMode="External"/><Relationship Id="rId15" Type="http://schemas.openxmlformats.org/officeDocument/2006/relationships/hyperlink" Target="https://www.city.osaka.lg.jp/asahi/cmsfiles/contents/0000587/587002/16_zinkenR5.xlsx" TargetMode="External"/><Relationship Id="rId23" Type="http://schemas.openxmlformats.org/officeDocument/2006/relationships/hyperlink" Target="https://www.city.osaka.lg.jp/asahi/cmsfiles/contents/0000587/587002/24_tyousyaijiR5.xlsx" TargetMode="External"/><Relationship Id="rId28" Type="http://schemas.openxmlformats.org/officeDocument/2006/relationships/hyperlink" Target="https://www.city.osaka.lg.jp/asahi/cmsfiles/contents/0000587/587002/29_kokusanmokuzaiR5.xlsx" TargetMode="External"/><Relationship Id="rId10" Type="http://schemas.openxmlformats.org/officeDocument/2006/relationships/hyperlink" Target="https://www.city.osaka.lg.jp/asahi/cmsfiles/contents/0000587/587002/11_bussR5.xlsx" TargetMode="External"/><Relationship Id="rId19" Type="http://schemas.openxmlformats.org/officeDocument/2006/relationships/hyperlink" Target="https://www.city.osaka.lg.jp/asahi/cmsfiles/contents/0000587/587002/20_bouhanR5.xlsx" TargetMode="External"/><Relationship Id="rId4" Type="http://schemas.openxmlformats.org/officeDocument/2006/relationships/hyperlink" Target="https://www.city.osaka.lg.jp/asahi/cmsfiles/contents/0000587/587002/05_kosodatesienR5.xlsx" TargetMode="External"/><Relationship Id="rId9" Type="http://schemas.openxmlformats.org/officeDocument/2006/relationships/hyperlink" Target="https://www.city.osaka.lg.jp/asahi/cmsfiles/contents/0000587/587002/10_undounouryokuR5.xlsx" TargetMode="External"/><Relationship Id="rId14" Type="http://schemas.openxmlformats.org/officeDocument/2006/relationships/hyperlink" Target="https://www.city.osaka.lg.jp/asahi/cmsfiles/contents/0000587/587002/15_syougaigakusyuR5.xlsx" TargetMode="External"/><Relationship Id="rId22" Type="http://schemas.openxmlformats.org/officeDocument/2006/relationships/hyperlink" Target="https://www.city.osaka.lg.jp/asahi/cmsfiles/contents/0000587/587002/23_uneikanriR5.xlsx" TargetMode="External"/><Relationship Id="rId27" Type="http://schemas.openxmlformats.org/officeDocument/2006/relationships/hyperlink" Target="https://www.city.osaka.lg.jp/asahi/cmsfiles/contents/0000587/587002/28_husetsukaikanR5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</sheetPr>
  <dimension ref="A1:G127"/>
  <sheetViews>
    <sheetView showGridLines="0" tabSelected="1" view="pageBreakPreview" zoomScaleNormal="100" zoomScaleSheetLayoutView="100" workbookViewId="0">
      <selection activeCell="K9" sqref="K9"/>
    </sheetView>
  </sheetViews>
  <sheetFormatPr defaultColWidth="8.625" defaultRowHeight="12.75"/>
  <cols>
    <col min="1" max="1" width="23.875" style="1" customWidth="1"/>
    <col min="2" max="2" width="17.5" style="1" customWidth="1"/>
    <col min="3" max="3" width="12.5" style="1" customWidth="1"/>
    <col min="4" max="5" width="12.5" style="2" customWidth="1"/>
    <col min="6" max="6" width="6.25" style="1" customWidth="1"/>
    <col min="7" max="7" width="9.375" style="1" customWidth="1"/>
    <col min="8" max="8" width="3.25" style="1" bestFit="1" customWidth="1"/>
    <col min="9" max="9" width="7.375" style="1" bestFit="1" customWidth="1"/>
    <col min="10" max="200" width="8.625" style="1" customWidth="1"/>
    <col min="201" max="16384" width="8.625" style="1"/>
  </cols>
  <sheetData>
    <row r="1" spans="1:7" ht="18" customHeight="1">
      <c r="A1" s="41" t="s">
        <v>52</v>
      </c>
      <c r="F1" s="49" t="s">
        <v>51</v>
      </c>
      <c r="G1" s="49"/>
    </row>
    <row r="2" spans="1:7" ht="15" customHeight="1"/>
    <row r="3" spans="1:7" ht="18" customHeight="1">
      <c r="A3" s="40" t="s">
        <v>50</v>
      </c>
      <c r="E3" s="38"/>
      <c r="G3" s="39" t="s">
        <v>49</v>
      </c>
    </row>
    <row r="4" spans="1:7" ht="10.5" customHeight="1">
      <c r="D4" s="38"/>
      <c r="E4" s="38"/>
    </row>
    <row r="5" spans="1:7" ht="27" customHeight="1" thickBot="1">
      <c r="C5" s="50" t="s">
        <v>48</v>
      </c>
      <c r="D5" s="50"/>
      <c r="E5" s="37"/>
      <c r="G5" s="36" t="s">
        <v>47</v>
      </c>
    </row>
    <row r="6" spans="1:7" ht="15" customHeight="1">
      <c r="A6" s="51" t="s">
        <v>46</v>
      </c>
      <c r="B6" s="53" t="s">
        <v>45</v>
      </c>
      <c r="C6" s="15" t="s">
        <v>44</v>
      </c>
      <c r="D6" s="16" t="s">
        <v>43</v>
      </c>
      <c r="E6" s="15" t="s">
        <v>1</v>
      </c>
      <c r="F6" s="55" t="s">
        <v>0</v>
      </c>
      <c r="G6" s="56"/>
    </row>
    <row r="7" spans="1:7" ht="15" customHeight="1">
      <c r="A7" s="52"/>
      <c r="B7" s="54"/>
      <c r="C7" s="14" t="s">
        <v>42</v>
      </c>
      <c r="D7" s="14" t="s">
        <v>54</v>
      </c>
      <c r="E7" s="35" t="s">
        <v>41</v>
      </c>
      <c r="F7" s="57"/>
      <c r="G7" s="58"/>
    </row>
    <row r="8" spans="1:7" ht="15" customHeight="1">
      <c r="A8" s="72" t="s">
        <v>40</v>
      </c>
      <c r="B8" s="44" t="s">
        <v>9</v>
      </c>
      <c r="C8" s="13">
        <v>8841</v>
      </c>
      <c r="D8" s="19">
        <v>8841</v>
      </c>
      <c r="E8" s="25">
        <v>0</v>
      </c>
      <c r="F8" s="46"/>
      <c r="G8" s="28"/>
    </row>
    <row r="9" spans="1:7" ht="15" customHeight="1">
      <c r="A9" s="73"/>
      <c r="B9" s="45"/>
      <c r="C9" s="26">
        <v>8841</v>
      </c>
      <c r="D9" s="23">
        <v>8841</v>
      </c>
      <c r="E9" s="22">
        <v>0</v>
      </c>
      <c r="F9" s="47"/>
      <c r="G9" s="29"/>
    </row>
    <row r="10" spans="1:7" ht="15" customHeight="1">
      <c r="A10" s="72" t="s">
        <v>39</v>
      </c>
      <c r="B10" s="44" t="s">
        <v>9</v>
      </c>
      <c r="C10" s="27">
        <v>547</v>
      </c>
      <c r="D10" s="20">
        <v>548</v>
      </c>
      <c r="E10" s="25">
        <v>1</v>
      </c>
      <c r="F10" s="46"/>
      <c r="G10" s="24"/>
    </row>
    <row r="11" spans="1:7" ht="15" customHeight="1">
      <c r="A11" s="73"/>
      <c r="B11" s="45"/>
      <c r="C11" s="26">
        <v>547</v>
      </c>
      <c r="D11" s="23">
        <v>548</v>
      </c>
      <c r="E11" s="22">
        <v>1</v>
      </c>
      <c r="F11" s="47"/>
      <c r="G11" s="21"/>
    </row>
    <row r="12" spans="1:7" ht="15" customHeight="1">
      <c r="A12" s="72" t="s">
        <v>38</v>
      </c>
      <c r="B12" s="44" t="s">
        <v>9</v>
      </c>
      <c r="C12" s="27">
        <v>4461</v>
      </c>
      <c r="D12" s="20">
        <v>4857</v>
      </c>
      <c r="E12" s="25">
        <v>396</v>
      </c>
      <c r="F12" s="46"/>
      <c r="G12" s="24"/>
    </row>
    <row r="13" spans="1:7" ht="15" customHeight="1">
      <c r="A13" s="73"/>
      <c r="B13" s="45"/>
      <c r="C13" s="26">
        <v>4039</v>
      </c>
      <c r="D13" s="23">
        <v>4435</v>
      </c>
      <c r="E13" s="22">
        <v>396</v>
      </c>
      <c r="F13" s="47"/>
      <c r="G13" s="21"/>
    </row>
    <row r="14" spans="1:7" ht="15" customHeight="1">
      <c r="A14" s="74" t="s">
        <v>37</v>
      </c>
      <c r="B14" s="44" t="s">
        <v>9</v>
      </c>
      <c r="C14" s="34">
        <v>3397</v>
      </c>
      <c r="D14" s="25">
        <v>3397</v>
      </c>
      <c r="E14" s="25">
        <v>0</v>
      </c>
      <c r="F14" s="46"/>
      <c r="G14" s="24"/>
    </row>
    <row r="15" spans="1:7" ht="15" customHeight="1">
      <c r="A15" s="74"/>
      <c r="B15" s="45"/>
      <c r="C15" s="33">
        <v>3397</v>
      </c>
      <c r="D15" s="31">
        <v>3397</v>
      </c>
      <c r="E15" s="22">
        <v>0</v>
      </c>
      <c r="F15" s="47"/>
      <c r="G15" s="21"/>
    </row>
    <row r="16" spans="1:7" ht="15" customHeight="1">
      <c r="A16" s="72" t="s">
        <v>36</v>
      </c>
      <c r="B16" s="44" t="s">
        <v>9</v>
      </c>
      <c r="C16" s="27">
        <v>354</v>
      </c>
      <c r="D16" s="20">
        <v>354</v>
      </c>
      <c r="E16" s="20">
        <v>0</v>
      </c>
      <c r="F16" s="46"/>
      <c r="G16" s="28"/>
    </row>
    <row r="17" spans="1:7" ht="15" customHeight="1">
      <c r="A17" s="73"/>
      <c r="B17" s="45"/>
      <c r="C17" s="26">
        <v>354</v>
      </c>
      <c r="D17" s="23">
        <v>354</v>
      </c>
      <c r="E17" s="22">
        <v>0</v>
      </c>
      <c r="F17" s="47"/>
      <c r="G17" s="29"/>
    </row>
    <row r="18" spans="1:7" ht="15" customHeight="1">
      <c r="A18" s="72" t="s">
        <v>35</v>
      </c>
      <c r="B18" s="44" t="s">
        <v>11</v>
      </c>
      <c r="C18" s="27">
        <v>1243</v>
      </c>
      <c r="D18" s="20">
        <v>1879</v>
      </c>
      <c r="E18" s="25">
        <v>636</v>
      </c>
      <c r="F18" s="46"/>
      <c r="G18" s="28"/>
    </row>
    <row r="19" spans="1:7" ht="15" customHeight="1">
      <c r="A19" s="73"/>
      <c r="B19" s="45"/>
      <c r="C19" s="26">
        <v>1243</v>
      </c>
      <c r="D19" s="23">
        <v>1879</v>
      </c>
      <c r="E19" s="22">
        <v>636</v>
      </c>
      <c r="F19" s="47"/>
      <c r="G19" s="29"/>
    </row>
    <row r="20" spans="1:7" ht="15" customHeight="1">
      <c r="A20" s="72" t="s">
        <v>34</v>
      </c>
      <c r="B20" s="44" t="s">
        <v>33</v>
      </c>
      <c r="C20" s="27">
        <v>6664</v>
      </c>
      <c r="D20" s="20">
        <v>6870</v>
      </c>
      <c r="E20" s="25">
        <v>206</v>
      </c>
      <c r="F20" s="46" t="s">
        <v>26</v>
      </c>
      <c r="G20" s="24"/>
    </row>
    <row r="21" spans="1:7" ht="15" customHeight="1">
      <c r="A21" s="73"/>
      <c r="B21" s="45"/>
      <c r="C21" s="26">
        <v>3340</v>
      </c>
      <c r="D21" s="23">
        <v>3435</v>
      </c>
      <c r="E21" s="22">
        <v>95</v>
      </c>
      <c r="F21" s="47"/>
      <c r="G21" s="21"/>
    </row>
    <row r="22" spans="1:7" ht="15" customHeight="1">
      <c r="A22" s="72" t="s">
        <v>32</v>
      </c>
      <c r="B22" s="44" t="s">
        <v>15</v>
      </c>
      <c r="C22" s="27">
        <v>2324</v>
      </c>
      <c r="D22" s="20">
        <v>3150</v>
      </c>
      <c r="E22" s="25">
        <v>826</v>
      </c>
      <c r="F22" s="46"/>
      <c r="G22" s="28"/>
    </row>
    <row r="23" spans="1:7" ht="15" customHeight="1">
      <c r="A23" s="73"/>
      <c r="B23" s="45"/>
      <c r="C23" s="26">
        <v>2324</v>
      </c>
      <c r="D23" s="23">
        <v>3150</v>
      </c>
      <c r="E23" s="22">
        <v>826</v>
      </c>
      <c r="F23" s="47"/>
      <c r="G23" s="29"/>
    </row>
    <row r="24" spans="1:7" ht="15" customHeight="1">
      <c r="A24" s="72" t="s">
        <v>31</v>
      </c>
      <c r="B24" s="44" t="s">
        <v>15</v>
      </c>
      <c r="C24" s="27">
        <v>905</v>
      </c>
      <c r="D24" s="20">
        <v>911</v>
      </c>
      <c r="E24" s="25">
        <v>6</v>
      </c>
      <c r="F24" s="46"/>
      <c r="G24" s="24"/>
    </row>
    <row r="25" spans="1:7" ht="15" customHeight="1">
      <c r="A25" s="73"/>
      <c r="B25" s="45"/>
      <c r="C25" s="26">
        <v>905</v>
      </c>
      <c r="D25" s="23">
        <v>911</v>
      </c>
      <c r="E25" s="22">
        <v>6</v>
      </c>
      <c r="F25" s="47"/>
      <c r="G25" s="21"/>
    </row>
    <row r="26" spans="1:7" ht="15" customHeight="1">
      <c r="A26" s="72" t="s">
        <v>30</v>
      </c>
      <c r="B26" s="44" t="s">
        <v>15</v>
      </c>
      <c r="C26" s="27">
        <v>7800</v>
      </c>
      <c r="D26" s="20">
        <v>7800</v>
      </c>
      <c r="E26" s="25">
        <v>0</v>
      </c>
      <c r="F26" s="46"/>
      <c r="G26" s="28"/>
    </row>
    <row r="27" spans="1:7" ht="15" customHeight="1">
      <c r="A27" s="73"/>
      <c r="B27" s="45"/>
      <c r="C27" s="26">
        <v>7800</v>
      </c>
      <c r="D27" s="23">
        <v>7800</v>
      </c>
      <c r="E27" s="22">
        <v>0</v>
      </c>
      <c r="F27" s="47"/>
      <c r="G27" s="29"/>
    </row>
    <row r="28" spans="1:7" ht="15" customHeight="1">
      <c r="A28" s="72" t="s">
        <v>29</v>
      </c>
      <c r="B28" s="44" t="s">
        <v>28</v>
      </c>
      <c r="C28" s="27">
        <v>7056</v>
      </c>
      <c r="D28" s="20">
        <v>6267</v>
      </c>
      <c r="E28" s="25">
        <v>-789</v>
      </c>
      <c r="F28" s="46"/>
      <c r="G28" s="24"/>
    </row>
    <row r="29" spans="1:7" ht="15" customHeight="1">
      <c r="A29" s="73"/>
      <c r="B29" s="45"/>
      <c r="C29" s="26">
        <v>7056</v>
      </c>
      <c r="D29" s="23">
        <v>6267</v>
      </c>
      <c r="E29" s="22">
        <v>-789</v>
      </c>
      <c r="F29" s="47"/>
      <c r="G29" s="30"/>
    </row>
    <row r="30" spans="1:7" ht="15" customHeight="1">
      <c r="A30" s="74" t="s">
        <v>27</v>
      </c>
      <c r="B30" s="44" t="s">
        <v>5</v>
      </c>
      <c r="C30" s="34">
        <v>31672</v>
      </c>
      <c r="D30" s="25">
        <v>32328</v>
      </c>
      <c r="E30" s="25">
        <v>656</v>
      </c>
      <c r="F30" s="46" t="s">
        <v>26</v>
      </c>
      <c r="G30" s="24"/>
    </row>
    <row r="31" spans="1:7" ht="15" customHeight="1">
      <c r="A31" s="74"/>
      <c r="B31" s="45"/>
      <c r="C31" s="33">
        <v>31672</v>
      </c>
      <c r="D31" s="31">
        <v>32328</v>
      </c>
      <c r="E31" s="22">
        <v>656</v>
      </c>
      <c r="F31" s="47"/>
      <c r="G31" s="21"/>
    </row>
    <row r="32" spans="1:7" ht="15" customHeight="1">
      <c r="A32" s="72" t="s">
        <v>25</v>
      </c>
      <c r="B32" s="44" t="s">
        <v>5</v>
      </c>
      <c r="C32" s="27">
        <v>8710</v>
      </c>
      <c r="D32" s="20">
        <v>9265</v>
      </c>
      <c r="E32" s="25">
        <v>555</v>
      </c>
      <c r="F32" s="46"/>
      <c r="G32" s="24"/>
    </row>
    <row r="33" spans="1:7" ht="15" customHeight="1">
      <c r="A33" s="73"/>
      <c r="B33" s="45"/>
      <c r="C33" s="26">
        <v>8710</v>
      </c>
      <c r="D33" s="23">
        <v>9265</v>
      </c>
      <c r="E33" s="22">
        <v>555</v>
      </c>
      <c r="F33" s="47"/>
      <c r="G33" s="30"/>
    </row>
    <row r="34" spans="1:7" ht="15" customHeight="1">
      <c r="A34" s="72" t="s">
        <v>24</v>
      </c>
      <c r="B34" s="44" t="s">
        <v>5</v>
      </c>
      <c r="C34" s="27">
        <v>1174</v>
      </c>
      <c r="D34" s="20">
        <v>1174</v>
      </c>
      <c r="E34" s="25">
        <v>0</v>
      </c>
      <c r="F34" s="61"/>
      <c r="G34" s="32"/>
    </row>
    <row r="35" spans="1:7" ht="15" customHeight="1">
      <c r="A35" s="73"/>
      <c r="B35" s="45"/>
      <c r="C35" s="26">
        <v>1174</v>
      </c>
      <c r="D35" s="23">
        <v>1174</v>
      </c>
      <c r="E35" s="22">
        <v>0</v>
      </c>
      <c r="F35" s="47"/>
      <c r="G35" s="29"/>
    </row>
    <row r="36" spans="1:7" ht="15" customHeight="1">
      <c r="A36" s="72" t="s">
        <v>23</v>
      </c>
      <c r="B36" s="44" t="s">
        <v>5</v>
      </c>
      <c r="C36" s="27">
        <v>3976</v>
      </c>
      <c r="D36" s="20">
        <v>4120</v>
      </c>
      <c r="E36" s="25">
        <v>144</v>
      </c>
      <c r="F36" s="46"/>
      <c r="G36" s="24"/>
    </row>
    <row r="37" spans="1:7" ht="15" customHeight="1">
      <c r="A37" s="73"/>
      <c r="B37" s="45"/>
      <c r="C37" s="26">
        <v>3976</v>
      </c>
      <c r="D37" s="23">
        <v>4120</v>
      </c>
      <c r="E37" s="22">
        <v>144</v>
      </c>
      <c r="F37" s="47"/>
      <c r="G37" s="21"/>
    </row>
    <row r="38" spans="1:7" ht="15" customHeight="1">
      <c r="A38" s="72" t="s">
        <v>22</v>
      </c>
      <c r="B38" s="44" t="s">
        <v>5</v>
      </c>
      <c r="C38" s="27">
        <v>3421</v>
      </c>
      <c r="D38" s="20">
        <v>3427</v>
      </c>
      <c r="E38" s="25">
        <v>6</v>
      </c>
      <c r="F38" s="46"/>
      <c r="G38" s="59"/>
    </row>
    <row r="39" spans="1:7" ht="15" customHeight="1">
      <c r="A39" s="73"/>
      <c r="B39" s="45"/>
      <c r="C39" s="26">
        <v>3421</v>
      </c>
      <c r="D39" s="23">
        <v>3427</v>
      </c>
      <c r="E39" s="22">
        <v>6</v>
      </c>
      <c r="F39" s="47"/>
      <c r="G39" s="60"/>
    </row>
    <row r="40" spans="1:7" ht="15" customHeight="1">
      <c r="A40" s="72" t="s">
        <v>21</v>
      </c>
      <c r="B40" s="44" t="s">
        <v>5</v>
      </c>
      <c r="C40" s="27">
        <v>1480</v>
      </c>
      <c r="D40" s="20">
        <v>1121</v>
      </c>
      <c r="E40" s="25">
        <v>-359</v>
      </c>
      <c r="F40" s="46"/>
      <c r="G40" s="28"/>
    </row>
    <row r="41" spans="1:7" ht="15" customHeight="1">
      <c r="A41" s="73"/>
      <c r="B41" s="45"/>
      <c r="C41" s="26">
        <v>1121</v>
      </c>
      <c r="D41" s="23">
        <v>1121</v>
      </c>
      <c r="E41" s="22">
        <v>0</v>
      </c>
      <c r="F41" s="47"/>
      <c r="G41" s="29"/>
    </row>
    <row r="42" spans="1:7" ht="15" customHeight="1">
      <c r="A42" s="72" t="s">
        <v>20</v>
      </c>
      <c r="B42" s="44" t="s">
        <v>18</v>
      </c>
      <c r="C42" s="27">
        <v>8219</v>
      </c>
      <c r="D42" s="20">
        <v>9448</v>
      </c>
      <c r="E42" s="25">
        <v>1229</v>
      </c>
      <c r="F42" s="46"/>
      <c r="G42" s="24"/>
    </row>
    <row r="43" spans="1:7" ht="15" customHeight="1">
      <c r="A43" s="73"/>
      <c r="B43" s="45"/>
      <c r="C43" s="26">
        <v>8219</v>
      </c>
      <c r="D43" s="23">
        <v>9448</v>
      </c>
      <c r="E43" s="22">
        <v>1229</v>
      </c>
      <c r="F43" s="47"/>
      <c r="G43" s="30"/>
    </row>
    <row r="44" spans="1:7" ht="15" customHeight="1">
      <c r="A44" s="72" t="s">
        <v>19</v>
      </c>
      <c r="B44" s="44" t="s">
        <v>18</v>
      </c>
      <c r="C44" s="27">
        <v>2914</v>
      </c>
      <c r="D44" s="20">
        <v>4848</v>
      </c>
      <c r="E44" s="25">
        <v>1934</v>
      </c>
      <c r="F44" s="46"/>
      <c r="G44" s="28"/>
    </row>
    <row r="45" spans="1:7" ht="15" customHeight="1">
      <c r="A45" s="73"/>
      <c r="B45" s="45"/>
      <c r="C45" s="26">
        <v>2914</v>
      </c>
      <c r="D45" s="23">
        <v>4848</v>
      </c>
      <c r="E45" s="22">
        <v>1934</v>
      </c>
      <c r="F45" s="47"/>
      <c r="G45" s="29"/>
    </row>
    <row r="46" spans="1:7" ht="15" customHeight="1">
      <c r="A46" s="72" t="s">
        <v>17</v>
      </c>
      <c r="B46" s="44" t="s">
        <v>15</v>
      </c>
      <c r="C46" s="27">
        <v>22138</v>
      </c>
      <c r="D46" s="20">
        <v>21391</v>
      </c>
      <c r="E46" s="25">
        <v>-747</v>
      </c>
      <c r="F46" s="46"/>
      <c r="G46" s="24"/>
    </row>
    <row r="47" spans="1:7" ht="15" customHeight="1">
      <c r="A47" s="73"/>
      <c r="B47" s="45"/>
      <c r="C47" s="26">
        <v>22138</v>
      </c>
      <c r="D47" s="23">
        <v>21391</v>
      </c>
      <c r="E47" s="22">
        <v>-747</v>
      </c>
      <c r="F47" s="47"/>
      <c r="G47" s="30"/>
    </row>
    <row r="48" spans="1:7" ht="15" customHeight="1">
      <c r="A48" s="72" t="s">
        <v>16</v>
      </c>
      <c r="B48" s="44" t="s">
        <v>15</v>
      </c>
      <c r="C48" s="27">
        <v>333</v>
      </c>
      <c r="D48" s="20">
        <v>364</v>
      </c>
      <c r="E48" s="25">
        <v>31</v>
      </c>
      <c r="F48" s="46"/>
      <c r="G48" s="28"/>
    </row>
    <row r="49" spans="1:7" ht="15" customHeight="1">
      <c r="A49" s="73"/>
      <c r="B49" s="45"/>
      <c r="C49" s="26">
        <v>333</v>
      </c>
      <c r="D49" s="23">
        <v>364</v>
      </c>
      <c r="E49" s="22">
        <v>31</v>
      </c>
      <c r="F49" s="47"/>
      <c r="G49" s="29"/>
    </row>
    <row r="50" spans="1:7" ht="15" customHeight="1">
      <c r="A50" s="72" t="s">
        <v>14</v>
      </c>
      <c r="B50" s="44" t="s">
        <v>2</v>
      </c>
      <c r="C50" s="27">
        <v>37458</v>
      </c>
      <c r="D50" s="27">
        <v>35667</v>
      </c>
      <c r="E50" s="25">
        <v>-1791</v>
      </c>
      <c r="F50" s="46"/>
      <c r="G50" s="28"/>
    </row>
    <row r="51" spans="1:7" ht="15" customHeight="1">
      <c r="A51" s="73"/>
      <c r="B51" s="45"/>
      <c r="C51" s="26">
        <v>37458</v>
      </c>
      <c r="D51" s="26">
        <v>35667</v>
      </c>
      <c r="E51" s="22">
        <v>-1791</v>
      </c>
      <c r="F51" s="47"/>
      <c r="G51" s="29"/>
    </row>
    <row r="52" spans="1:7" ht="15" customHeight="1">
      <c r="A52" s="72" t="s">
        <v>13</v>
      </c>
      <c r="B52" s="44" t="s">
        <v>2</v>
      </c>
      <c r="C52" s="27">
        <v>43503</v>
      </c>
      <c r="D52" s="27">
        <v>66474</v>
      </c>
      <c r="E52" s="25">
        <v>22971</v>
      </c>
      <c r="F52" s="46"/>
      <c r="G52" s="28"/>
    </row>
    <row r="53" spans="1:7" ht="15" customHeight="1">
      <c r="A53" s="73"/>
      <c r="B53" s="45"/>
      <c r="C53" s="26">
        <v>43157</v>
      </c>
      <c r="D53" s="26">
        <v>66189</v>
      </c>
      <c r="E53" s="22">
        <v>23032</v>
      </c>
      <c r="F53" s="47"/>
      <c r="G53" s="29"/>
    </row>
    <row r="54" spans="1:7" ht="15" customHeight="1">
      <c r="A54" s="72" t="s">
        <v>12</v>
      </c>
      <c r="B54" s="44" t="s">
        <v>11</v>
      </c>
      <c r="C54" s="27">
        <v>678</v>
      </c>
      <c r="D54" s="20">
        <v>678</v>
      </c>
      <c r="E54" s="25">
        <v>0</v>
      </c>
      <c r="F54" s="46"/>
      <c r="G54" s="28"/>
    </row>
    <row r="55" spans="1:7" ht="15" customHeight="1">
      <c r="A55" s="73"/>
      <c r="B55" s="45"/>
      <c r="C55" s="26">
        <v>678</v>
      </c>
      <c r="D55" s="23">
        <v>678</v>
      </c>
      <c r="E55" s="22">
        <v>0</v>
      </c>
      <c r="F55" s="47"/>
      <c r="G55" s="29"/>
    </row>
    <row r="56" spans="1:7" ht="15" customHeight="1">
      <c r="A56" s="72" t="s">
        <v>10</v>
      </c>
      <c r="B56" s="44" t="s">
        <v>9</v>
      </c>
      <c r="C56" s="27">
        <v>853</v>
      </c>
      <c r="D56" s="20">
        <v>3696</v>
      </c>
      <c r="E56" s="25">
        <v>2843</v>
      </c>
      <c r="F56" s="46"/>
      <c r="G56" s="28"/>
    </row>
    <row r="57" spans="1:7" ht="15" customHeight="1">
      <c r="A57" s="73"/>
      <c r="B57" s="45"/>
      <c r="C57" s="26">
        <v>853</v>
      </c>
      <c r="D57" s="23">
        <v>3696</v>
      </c>
      <c r="E57" s="22">
        <v>2843</v>
      </c>
      <c r="F57" s="47"/>
      <c r="G57" s="29"/>
    </row>
    <row r="58" spans="1:7" ht="15" customHeight="1">
      <c r="A58" s="72" t="s">
        <v>8</v>
      </c>
      <c r="B58" s="44" t="s">
        <v>7</v>
      </c>
      <c r="C58" s="27">
        <v>40640</v>
      </c>
      <c r="D58" s="20">
        <v>45359</v>
      </c>
      <c r="E58" s="25">
        <v>4719</v>
      </c>
      <c r="F58" s="46"/>
      <c r="G58" s="28"/>
    </row>
    <row r="59" spans="1:7" ht="15" customHeight="1">
      <c r="A59" s="73"/>
      <c r="B59" s="45"/>
      <c r="C59" s="26">
        <v>40640</v>
      </c>
      <c r="D59" s="23">
        <v>45359</v>
      </c>
      <c r="E59" s="22">
        <v>4719</v>
      </c>
      <c r="F59" s="47"/>
      <c r="G59" s="29"/>
    </row>
    <row r="60" spans="1:7" ht="15" customHeight="1">
      <c r="A60" s="72" t="s">
        <v>6</v>
      </c>
      <c r="B60" s="44" t="s">
        <v>5</v>
      </c>
      <c r="C60" s="27">
        <v>64784</v>
      </c>
      <c r="D60" s="20">
        <v>68212</v>
      </c>
      <c r="E60" s="25">
        <v>3428</v>
      </c>
      <c r="F60" s="46"/>
      <c r="G60" s="28"/>
    </row>
    <row r="61" spans="1:7" ht="15" customHeight="1">
      <c r="A61" s="73"/>
      <c r="B61" s="45"/>
      <c r="C61" s="26">
        <v>64634</v>
      </c>
      <c r="D61" s="23">
        <v>68042</v>
      </c>
      <c r="E61" s="22">
        <v>3408</v>
      </c>
      <c r="F61" s="47"/>
      <c r="G61" s="29"/>
    </row>
    <row r="62" spans="1:7" ht="15" customHeight="1">
      <c r="A62" s="72" t="s">
        <v>4</v>
      </c>
      <c r="B62" s="44" t="s">
        <v>2</v>
      </c>
      <c r="C62" s="27">
        <v>8761</v>
      </c>
      <c r="D62" s="27">
        <v>44050</v>
      </c>
      <c r="E62" s="20">
        <v>35289</v>
      </c>
      <c r="F62" s="46"/>
      <c r="G62" s="28"/>
    </row>
    <row r="63" spans="1:7" ht="15" customHeight="1">
      <c r="A63" s="73"/>
      <c r="B63" s="45"/>
      <c r="C63" s="26">
        <v>8761</v>
      </c>
      <c r="D63" s="26">
        <v>44050</v>
      </c>
      <c r="E63" s="22">
        <v>35289</v>
      </c>
      <c r="F63" s="47"/>
      <c r="G63" s="29"/>
    </row>
    <row r="64" spans="1:7" ht="15" customHeight="1">
      <c r="A64" s="48" t="s">
        <v>3</v>
      </c>
      <c r="B64" s="71" t="s">
        <v>2</v>
      </c>
      <c r="C64" s="34">
        <v>1757</v>
      </c>
      <c r="D64" s="34">
        <v>0</v>
      </c>
      <c r="E64" s="25">
        <v>-1757</v>
      </c>
      <c r="F64" s="67"/>
      <c r="G64" s="68"/>
    </row>
    <row r="65" spans="1:7" ht="15" customHeight="1">
      <c r="A65" s="43"/>
      <c r="B65" s="45"/>
      <c r="C65" s="26">
        <v>0</v>
      </c>
      <c r="D65" s="23">
        <v>0</v>
      </c>
      <c r="E65" s="22">
        <v>0</v>
      </c>
      <c r="F65" s="69"/>
      <c r="G65" s="70"/>
    </row>
    <row r="66" spans="1:7" ht="15" customHeight="1">
      <c r="A66" s="62" t="s">
        <v>53</v>
      </c>
      <c r="B66" s="63"/>
      <c r="C66" s="20">
        <v>326063</v>
      </c>
      <c r="D66" s="20">
        <v>396496</v>
      </c>
      <c r="E66" s="25">
        <v>70433</v>
      </c>
      <c r="F66" s="46"/>
      <c r="G66" s="24"/>
    </row>
    <row r="67" spans="1:7" ht="15" customHeight="1" thickBot="1">
      <c r="A67" s="64"/>
      <c r="B67" s="65"/>
      <c r="C67" s="18">
        <v>319705</v>
      </c>
      <c r="D67" s="18">
        <v>392184</v>
      </c>
      <c r="E67" s="17">
        <v>72479</v>
      </c>
      <c r="F67" s="66"/>
      <c r="G67" s="42"/>
    </row>
    <row r="68" spans="1:7">
      <c r="A68" s="6"/>
      <c r="B68" s="6"/>
    </row>
    <row r="69" spans="1:7" s="7" customFormat="1" ht="18" customHeight="1">
      <c r="A69" s="12"/>
      <c r="B69" s="12"/>
      <c r="D69" s="11"/>
      <c r="E69" s="11"/>
    </row>
    <row r="70" spans="1:7" s="7" customFormat="1" ht="18" customHeight="1">
      <c r="A70" s="9"/>
      <c r="D70" s="11"/>
      <c r="E70" s="11"/>
      <c r="F70" s="10"/>
    </row>
    <row r="71" spans="1:7" s="7" customFormat="1" ht="15.75" customHeight="1">
      <c r="A71" s="9"/>
      <c r="D71" s="8"/>
      <c r="E71" s="8"/>
    </row>
    <row r="72" spans="1:7" s="7" customFormat="1" ht="6" customHeight="1">
      <c r="A72" s="9"/>
      <c r="D72" s="8"/>
      <c r="E72" s="8"/>
    </row>
    <row r="73" spans="1:7" s="7" customFormat="1" ht="15.75" customHeight="1">
      <c r="A73" s="9"/>
      <c r="D73" s="8"/>
      <c r="E73" s="8"/>
    </row>
    <row r="74" spans="1:7" s="7" customFormat="1" ht="15.75" customHeight="1">
      <c r="A74" s="9"/>
      <c r="D74" s="8"/>
      <c r="E74" s="8"/>
    </row>
    <row r="75" spans="1:7" s="7" customFormat="1" ht="6" customHeight="1">
      <c r="A75" s="9"/>
      <c r="D75" s="8"/>
      <c r="E75" s="8"/>
    </row>
    <row r="76" spans="1:7" s="7" customFormat="1" ht="15.75" customHeight="1">
      <c r="A76" s="9"/>
      <c r="D76" s="8"/>
      <c r="E76" s="8"/>
    </row>
    <row r="77" spans="1:7" s="7" customFormat="1" ht="6" customHeight="1">
      <c r="A77" s="9"/>
      <c r="D77" s="8"/>
      <c r="E77" s="8"/>
    </row>
    <row r="78" spans="1:7" s="7" customFormat="1" ht="15.75" customHeight="1">
      <c r="A78" s="9"/>
      <c r="D78" s="8"/>
      <c r="E78" s="8"/>
    </row>
    <row r="79" spans="1:7" s="7" customFormat="1" ht="15.75" customHeight="1">
      <c r="A79" s="9"/>
      <c r="D79" s="8"/>
      <c r="E79" s="8"/>
    </row>
    <row r="80" spans="1:7" s="7" customFormat="1" ht="15.75" customHeight="1">
      <c r="A80" s="9"/>
      <c r="D80" s="8"/>
      <c r="E80" s="8"/>
    </row>
    <row r="81" spans="1:5" s="7" customFormat="1" ht="15.75" customHeight="1">
      <c r="A81" s="9"/>
      <c r="D81" s="8"/>
      <c r="E81" s="8"/>
    </row>
    <row r="82" spans="1:5" s="7" customFormat="1" ht="15.75" customHeight="1">
      <c r="A82" s="9"/>
      <c r="D82" s="8"/>
      <c r="E82" s="8"/>
    </row>
    <row r="83" spans="1:5" s="7" customFormat="1" ht="15.75" customHeight="1">
      <c r="A83" s="9"/>
      <c r="D83" s="8"/>
      <c r="E83" s="8"/>
    </row>
    <row r="84" spans="1:5" s="7" customFormat="1" ht="15.75" customHeight="1">
      <c r="A84" s="9"/>
      <c r="D84" s="8"/>
      <c r="E84" s="8"/>
    </row>
    <row r="85" spans="1:5" s="7" customFormat="1" ht="15.75" customHeight="1">
      <c r="A85" s="9"/>
      <c r="D85" s="8"/>
      <c r="E85" s="8"/>
    </row>
    <row r="86" spans="1:5" s="7" customFormat="1" ht="15.75" customHeight="1">
      <c r="A86" s="9"/>
      <c r="D86" s="8"/>
      <c r="E86" s="8"/>
    </row>
    <row r="87" spans="1:5" s="7" customFormat="1" ht="15.75" customHeight="1">
      <c r="A87" s="9"/>
      <c r="D87" s="8"/>
      <c r="E87" s="8"/>
    </row>
    <row r="88" spans="1:5" s="7" customFormat="1" ht="15.75" customHeight="1">
      <c r="A88" s="9"/>
      <c r="D88" s="8"/>
      <c r="E88" s="8"/>
    </row>
    <row r="89" spans="1:5" s="7" customFormat="1" ht="15.75" customHeight="1">
      <c r="A89" s="9"/>
      <c r="D89" s="8"/>
      <c r="E89" s="8"/>
    </row>
    <row r="90" spans="1:5" s="7" customFormat="1" ht="15.75" customHeight="1">
      <c r="A90" s="9"/>
      <c r="D90" s="8"/>
      <c r="E90" s="8"/>
    </row>
    <row r="91" spans="1:5" s="7" customFormat="1" ht="15.75" customHeight="1">
      <c r="A91" s="9"/>
      <c r="D91" s="8"/>
      <c r="E91" s="8"/>
    </row>
    <row r="92" spans="1:5" s="7" customFormat="1" ht="6" customHeight="1">
      <c r="A92" s="9"/>
      <c r="D92" s="8"/>
      <c r="E92" s="8"/>
    </row>
    <row r="93" spans="1:5" s="7" customFormat="1" ht="15.75" customHeight="1">
      <c r="A93" s="9"/>
      <c r="D93" s="8"/>
      <c r="E93" s="8"/>
    </row>
    <row r="94" spans="1:5" s="7" customFormat="1" ht="6" customHeight="1">
      <c r="A94" s="9"/>
      <c r="D94" s="8"/>
      <c r="E94" s="8"/>
    </row>
    <row r="95" spans="1:5" s="7" customFormat="1" ht="15.75" customHeight="1">
      <c r="A95" s="9"/>
      <c r="D95" s="8"/>
      <c r="E95" s="8"/>
    </row>
    <row r="96" spans="1:5" s="7" customFormat="1" ht="6" customHeight="1">
      <c r="A96" s="9"/>
      <c r="D96" s="8"/>
      <c r="E96" s="8"/>
    </row>
    <row r="97" spans="1:6" s="7" customFormat="1" ht="15.75" customHeight="1">
      <c r="A97" s="9"/>
      <c r="D97" s="8"/>
      <c r="E97" s="8"/>
    </row>
    <row r="98" spans="1:6" s="7" customFormat="1" ht="15.75" customHeight="1">
      <c r="A98" s="9"/>
      <c r="D98" s="8"/>
      <c r="E98" s="8"/>
    </row>
    <row r="99" spans="1:6" s="7" customFormat="1" ht="6" customHeight="1">
      <c r="A99" s="9"/>
      <c r="D99" s="8"/>
      <c r="E99" s="8"/>
    </row>
    <row r="100" spans="1:6" s="7" customFormat="1" ht="15.75" customHeight="1">
      <c r="A100" s="9"/>
      <c r="D100" s="8"/>
      <c r="E100" s="8"/>
    </row>
    <row r="101" spans="1:6" s="7" customFormat="1" ht="15.75" customHeight="1">
      <c r="A101" s="9"/>
      <c r="D101" s="8"/>
      <c r="E101" s="8"/>
    </row>
    <row r="102" spans="1:6" s="7" customFormat="1" ht="6" customHeight="1">
      <c r="A102" s="9"/>
      <c r="D102" s="8"/>
      <c r="E102" s="8"/>
    </row>
    <row r="103" spans="1:6" s="7" customFormat="1" ht="15.75" customHeight="1">
      <c r="A103" s="9"/>
      <c r="D103" s="8"/>
      <c r="E103" s="8"/>
    </row>
    <row r="104" spans="1:6" s="7" customFormat="1" ht="15.75" customHeight="1">
      <c r="A104" s="9"/>
      <c r="D104" s="8"/>
      <c r="E104" s="8"/>
    </row>
    <row r="105" spans="1:6" s="7" customFormat="1" ht="6" customHeight="1">
      <c r="A105" s="9"/>
      <c r="D105" s="8"/>
      <c r="E105" s="8"/>
    </row>
    <row r="106" spans="1:6" s="7" customFormat="1" ht="15.75" customHeight="1">
      <c r="A106" s="9"/>
      <c r="D106" s="8"/>
      <c r="E106" s="8"/>
    </row>
    <row r="107" spans="1:6" s="7" customFormat="1" ht="6" customHeight="1">
      <c r="A107" s="9"/>
      <c r="D107" s="8"/>
      <c r="E107" s="8"/>
    </row>
    <row r="108" spans="1:6" s="7" customFormat="1" ht="15.75" customHeight="1">
      <c r="A108" s="9"/>
      <c r="D108" s="8"/>
      <c r="E108" s="8"/>
    </row>
    <row r="109" spans="1:6" s="7" customFormat="1" ht="15" customHeight="1">
      <c r="A109" s="9"/>
      <c r="D109" s="8"/>
      <c r="E109" s="8"/>
    </row>
    <row r="110" spans="1:6" ht="18" customHeight="1">
      <c r="A110" s="6"/>
      <c r="B110" s="6"/>
      <c r="D110" s="5"/>
      <c r="E110" s="5"/>
    </row>
    <row r="111" spans="1:6" ht="18" customHeight="1">
      <c r="D111" s="5"/>
      <c r="E111" s="5"/>
      <c r="F111" s="4"/>
    </row>
    <row r="112" spans="1:6" ht="18" customHeight="1">
      <c r="B112" s="6"/>
      <c r="D112" s="5"/>
      <c r="E112" s="5"/>
      <c r="F112" s="4"/>
    </row>
    <row r="113" spans="1:1" ht="15" customHeight="1">
      <c r="A113" s="3"/>
    </row>
    <row r="114" spans="1:1" ht="15" customHeight="1"/>
    <row r="115" spans="1:1" ht="15" customHeight="1"/>
    <row r="116" spans="1:1" ht="15" customHeight="1"/>
    <row r="117" spans="1:1" ht="15" customHeight="1"/>
    <row r="118" spans="1:1" ht="15" customHeight="1"/>
    <row r="119" spans="1:1" ht="15" customHeight="1"/>
    <row r="120" spans="1:1" ht="15" customHeight="1"/>
    <row r="121" spans="1:1" ht="15" customHeight="1"/>
    <row r="122" spans="1:1" ht="15" customHeight="1"/>
    <row r="123" spans="1:1" ht="15" customHeight="1"/>
    <row r="124" spans="1:1" ht="15" customHeight="1"/>
    <row r="125" spans="1:1" ht="15" customHeight="1"/>
    <row r="126" spans="1:1" ht="15" customHeight="1"/>
    <row r="127" spans="1:1" ht="15" customHeight="1"/>
  </sheetData>
  <mergeCells count="94">
    <mergeCell ref="A66:B67"/>
    <mergeCell ref="F66:F67"/>
    <mergeCell ref="F64:G65"/>
    <mergeCell ref="A64:A65"/>
    <mergeCell ref="B64:B65"/>
    <mergeCell ref="B62:B63"/>
    <mergeCell ref="F62:F63"/>
    <mergeCell ref="F32:F33"/>
    <mergeCell ref="F36:F37"/>
    <mergeCell ref="A44:A45"/>
    <mergeCell ref="B44:B45"/>
    <mergeCell ref="A60:A61"/>
    <mergeCell ref="B60:B61"/>
    <mergeCell ref="F60:F61"/>
    <mergeCell ref="A58:A59"/>
    <mergeCell ref="B58:B59"/>
    <mergeCell ref="F58:F59"/>
    <mergeCell ref="A54:A55"/>
    <mergeCell ref="B54:B55"/>
    <mergeCell ref="F54:F55"/>
    <mergeCell ref="A46:A47"/>
    <mergeCell ref="A50:A51"/>
    <mergeCell ref="B50:B51"/>
    <mergeCell ref="F50:F51"/>
    <mergeCell ref="A52:A53"/>
    <mergeCell ref="B52:B53"/>
    <mergeCell ref="A20:A21"/>
    <mergeCell ref="B20:B21"/>
    <mergeCell ref="A28:A29"/>
    <mergeCell ref="B28:B29"/>
    <mergeCell ref="F44:F45"/>
    <mergeCell ref="A38:A39"/>
    <mergeCell ref="B38:B39"/>
    <mergeCell ref="A42:A43"/>
    <mergeCell ref="B42:B43"/>
    <mergeCell ref="F42:F43"/>
    <mergeCell ref="A32:A33"/>
    <mergeCell ref="B32:B33"/>
    <mergeCell ref="A36:A37"/>
    <mergeCell ref="B36:B37"/>
    <mergeCell ref="A34:A35"/>
    <mergeCell ref="B34:B35"/>
    <mergeCell ref="A62:A63"/>
    <mergeCell ref="A24:A25"/>
    <mergeCell ref="B24:B25"/>
    <mergeCell ref="F24:F25"/>
    <mergeCell ref="A40:A41"/>
    <mergeCell ref="B40:B41"/>
    <mergeCell ref="F34:F35"/>
    <mergeCell ref="B46:B47"/>
    <mergeCell ref="F46:F47"/>
    <mergeCell ref="A56:A57"/>
    <mergeCell ref="B56:B57"/>
    <mergeCell ref="F56:F57"/>
    <mergeCell ref="F52:F53"/>
    <mergeCell ref="A48:A49"/>
    <mergeCell ref="B48:B49"/>
    <mergeCell ref="F48:F49"/>
    <mergeCell ref="A18:A19"/>
    <mergeCell ref="B18:B19"/>
    <mergeCell ref="F18:F19"/>
    <mergeCell ref="F28:F29"/>
    <mergeCell ref="F40:F41"/>
    <mergeCell ref="F38:G39"/>
    <mergeCell ref="A26:A27"/>
    <mergeCell ref="B26:B27"/>
    <mergeCell ref="F26:F27"/>
    <mergeCell ref="A30:A31"/>
    <mergeCell ref="B30:B31"/>
    <mergeCell ref="F30:F31"/>
    <mergeCell ref="A22:A23"/>
    <mergeCell ref="B22:B23"/>
    <mergeCell ref="F22:F23"/>
    <mergeCell ref="F20:F21"/>
    <mergeCell ref="A8:A9"/>
    <mergeCell ref="B8:B9"/>
    <mergeCell ref="F8:F9"/>
    <mergeCell ref="F1:G1"/>
    <mergeCell ref="C5:D5"/>
    <mergeCell ref="A6:A7"/>
    <mergeCell ref="B6:B7"/>
    <mergeCell ref="F6:G7"/>
    <mergeCell ref="A10:A11"/>
    <mergeCell ref="B10:B11"/>
    <mergeCell ref="F10:F11"/>
    <mergeCell ref="F14:F15"/>
    <mergeCell ref="A16:A17"/>
    <mergeCell ref="A14:A15"/>
    <mergeCell ref="B14:B15"/>
    <mergeCell ref="A12:A13"/>
    <mergeCell ref="B12:B13"/>
    <mergeCell ref="F12:F13"/>
    <mergeCell ref="B16:B17"/>
    <mergeCell ref="F16:F17"/>
  </mergeCells>
  <phoneticPr fontId="3"/>
  <dataValidations count="1">
    <dataValidation type="list" allowBlank="1" showInputMessage="1" showErrorMessage="1" sqref="F8:F38 F40:F63" xr:uid="{00000000-0002-0000-0000-000000000000}">
      <formula1>"　　,区ＣＭ"</formula1>
    </dataValidation>
  </dataValidations>
  <hyperlinks>
    <hyperlink ref="A8:A9" r:id="rId1" display="「重大虐待ゼロ」をめざすあさひ子育て見守り事業" xr:uid="{0946C8BD-D4C6-4418-8E4A-8EC3BE9EE57E}"/>
    <hyperlink ref="A10:A11" r:id="rId2" display="子育て安全ネット事業" xr:uid="{FE169658-578F-4C9F-827D-A770F547E5F9}"/>
    <hyperlink ref="A12:A13" r:id="rId3" display="子育て保健事業" xr:uid="{EB318403-34AC-471D-88F1-0B098EEB12FC}"/>
    <hyperlink ref="A14:A15" r:id="rId4" display="子育て支援事業" xr:uid="{849FFEDF-717E-4A70-B8DA-4A4396C76418}"/>
    <hyperlink ref="A16:A17" r:id="rId5" display="健康づくり推進事業" xr:uid="{ED3FFC69-9751-4F9F-89FB-BEE9D77B006B}"/>
    <hyperlink ref="A18:A19" r:id="rId6" display="地域福祉推進事業" xr:uid="{B98013AF-C0DB-4866-ABEE-5B0630AB7E07}"/>
    <hyperlink ref="A20:A21" r:id="rId7" display="あさひ育み学び舎事業" xr:uid="{A0D073F0-3869-4BB9-B4DF-3A18B2364C94}"/>
    <hyperlink ref="A22:A23" r:id="rId8" display="プログラミング体験学習事業" xr:uid="{956C5F41-FF74-4679-83A3-DBF26E492691}"/>
    <hyperlink ref="A24:A25" r:id="rId9" display="運動能力等向上サポート事業" xr:uid="{866E8151-A1C4-4EE9-84E4-D8499AA195B3}"/>
    <hyperlink ref="A26:A27" r:id="rId10" display="旭区バス運行補助事業" xr:uid="{69AC5D58-8C28-4E3A-B36B-8F9C407BC954}"/>
    <hyperlink ref="A28:A29" r:id="rId11" display="旭区魅力づくり事業" xr:uid="{0D60018D-603F-4741-8C5A-E41B48C6CE61}"/>
    <hyperlink ref="A30:A31" r:id="rId12" display="地域活動支援事業" xr:uid="{39937672-C707-4877-947C-1BC6DE4F14B5}"/>
    <hyperlink ref="A32:A33" r:id="rId13" display="コミュニティ育成事業" xr:uid="{A0A3B9A1-E546-4B27-8485-C7892597D4A5}"/>
    <hyperlink ref="A34:A35" r:id="rId14" display="生涯学習推進事業" xr:uid="{92C0D7C5-E516-4727-ACF3-8115B09395B6}"/>
    <hyperlink ref="A36:A37" r:id="rId15" display="人権啓発・相談事業" xr:uid="{5894E301-B232-4D2A-92F1-7A4D8451093A}"/>
    <hyperlink ref="A38:A39" r:id="rId16" display="青少年健全育成事業" xr:uid="{A746F9F8-B7FC-41EA-807E-434DE7113634}"/>
    <hyperlink ref="A40:A41" r:id="rId17" display="学校体育施設開放事業" xr:uid="{85673B40-946F-4720-B99F-21BDABEB1C78}"/>
    <hyperlink ref="A42:A43" r:id="rId18" display="地域防災事業" xr:uid="{337DA8E1-FCEA-4658-BC25-D819A1C9EE99}"/>
    <hyperlink ref="A44:A45" r:id="rId19" display="地域安全事業" xr:uid="{30060283-6356-4574-B85D-EC15D2A07AEF}"/>
    <hyperlink ref="A46:A47" r:id="rId20" display="広聴広報事業" xr:uid="{26B9FF94-BCB3-4ADC-9BD1-E864A7F3D03B}"/>
    <hyperlink ref="A48:A49" r:id="rId21" display="区政会議等運営事業" xr:uid="{E32D8429-BED7-4616-B32C-5A6A60B0B730}"/>
    <hyperlink ref="A50:A51" r:id="rId22" display="区役所運営管理費" xr:uid="{67302AF5-B9A5-4EB0-829A-9001DB1AA920}"/>
    <hyperlink ref="A52:A53" r:id="rId23" display="区役所庁舎設備維持費" xr:uid="{966D48C6-A52A-456B-A0D4-C2F44F7BA16B}"/>
    <hyperlink ref="A54:A55" r:id="rId24" display="福祉事務所運営管理費" xr:uid="{D48AA469-34A0-4FDC-9BBB-83275A2A7D25}"/>
    <hyperlink ref="A56:A57" r:id="rId25" display="保健事務管理費" xr:uid="{CDAFCA6A-A9FC-4B43-8438-4B022D0C3358}"/>
    <hyperlink ref="A58:A59" r:id="rId26" display="住民情報業務等委託事業" xr:uid="{8C892705-510D-4AF9-8FDD-CFFCAAF99CA4}"/>
    <hyperlink ref="A60:A61" r:id="rId27" display="区役所附設会館管理運営事業" xr:uid="{11FFA77A-D362-4004-A91D-8BD2DDF95336}"/>
    <hyperlink ref="A62:A63" r:id="rId28" display="国産木材を活用した区役所庁舎整備事業" xr:uid="{9C600EF7-1972-494F-BDC9-D2D8F653DC4F}"/>
  </hyperlinks>
  <printOptions horizontalCentered="1"/>
  <pageMargins left="0.62992125984251968" right="0.51181102362204722" top="0.62992125984251968" bottom="0.51181102362204722" header="0.31496062992125984" footer="0.31496062992125984"/>
  <pageSetup paperSize="9" scale="74" fitToWidth="0" fitToHeight="0" orientation="portrait" cellComments="asDisplayed" r:id="rId29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4 12月9日時点</vt:lpstr>
      <vt:lpstr>'様式4 12月9日時点'!Print_Area</vt:lpstr>
      <vt:lpstr>'様式4 12月9日時点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2-12-16T04:47:45Z</dcterms:created>
  <dcterms:modified xsi:type="dcterms:W3CDTF">2022-12-20T04:55:00Z</dcterms:modified>
</cp:coreProperties>
</file>